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8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8表!$A$1:$I$5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60">
  <si>
    <t>第８表 主要科目別の構成比</t>
  </si>
  <si>
    <t>歳入</t>
    <phoneticPr fontId="1"/>
  </si>
  <si>
    <t>歳出</t>
    <phoneticPr fontId="1"/>
  </si>
  <si>
    <t>区分</t>
  </si>
  <si>
    <t>保険料（税）</t>
    <rPh sb="0" eb="3">
      <t>ホケンリョウ</t>
    </rPh>
    <rPh sb="4" eb="5">
      <t>ゼイ</t>
    </rPh>
    <phoneticPr fontId="1"/>
  </si>
  <si>
    <t>国庫支出金</t>
    <rPh sb="2" eb="4">
      <t>シシュツ</t>
    </rPh>
    <rPh sb="4" eb="5">
      <t>キン</t>
    </rPh>
    <phoneticPr fontId="1"/>
  </si>
  <si>
    <t>県支出金</t>
    <rPh sb="1" eb="4">
      <t>シシュツキン</t>
    </rPh>
    <phoneticPr fontId="1"/>
  </si>
  <si>
    <t>その他繰入</t>
    <rPh sb="2" eb="3">
      <t>タ</t>
    </rPh>
    <rPh sb="3" eb="5">
      <t>クリイレ</t>
    </rPh>
    <phoneticPr fontId="1"/>
  </si>
  <si>
    <t>総務費</t>
  </si>
  <si>
    <t>保険給付費</t>
    <rPh sb="2" eb="5">
      <t>キュウフヒ</t>
    </rPh>
    <phoneticPr fontId="1"/>
  </si>
  <si>
    <t>保健事業費</t>
    <rPh sb="2" eb="5">
      <t>ジギョウヒ</t>
    </rPh>
    <phoneticPr fontId="1"/>
  </si>
  <si>
    <t>保険者名</t>
  </si>
  <si>
    <t>/合計</t>
  </si>
  <si>
    <t>平成24年度</t>
    <phoneticPr fontId="1"/>
  </si>
  <si>
    <t>平成25年度</t>
    <rPh sb="0" eb="2">
      <t>ヘイセイ</t>
    </rPh>
    <rPh sb="4" eb="6">
      <t>ネンド</t>
    </rPh>
    <phoneticPr fontId="1"/>
  </si>
  <si>
    <t>平成26年度</t>
    <phoneticPr fontId="1"/>
  </si>
  <si>
    <t>平成27年度</t>
    <phoneticPr fontId="1"/>
  </si>
  <si>
    <t>平成28年度</t>
    <phoneticPr fontId="1"/>
  </si>
  <si>
    <t xml:space="preserve"> 横浜市</t>
    <phoneticPr fontId="1"/>
  </si>
  <si>
    <t xml:space="preserve"> 川崎市</t>
    <phoneticPr fontId="1"/>
  </si>
  <si>
    <t xml:space="preserve"> 横須賀市</t>
    <phoneticPr fontId="1"/>
  </si>
  <si>
    <t xml:space="preserve"> 平塚市</t>
    <phoneticPr fontId="1"/>
  </si>
  <si>
    <t xml:space="preserve"> 鎌倉市</t>
    <phoneticPr fontId="1"/>
  </si>
  <si>
    <t xml:space="preserve"> 藤沢市</t>
    <phoneticPr fontId="1"/>
  </si>
  <si>
    <t xml:space="preserve"> 小田原市</t>
    <phoneticPr fontId="1"/>
  </si>
  <si>
    <t xml:space="preserve"> 茅ヶ崎市</t>
    <phoneticPr fontId="1"/>
  </si>
  <si>
    <t xml:space="preserve"> 逗子市</t>
    <phoneticPr fontId="1"/>
  </si>
  <si>
    <t xml:space="preserve"> 相模原市</t>
    <phoneticPr fontId="1"/>
  </si>
  <si>
    <t xml:space="preserve"> 三浦市</t>
    <phoneticPr fontId="1"/>
  </si>
  <si>
    <t xml:space="preserve"> 秦野市</t>
    <phoneticPr fontId="1"/>
  </si>
  <si>
    <t xml:space="preserve"> 厚木市</t>
    <phoneticPr fontId="1"/>
  </si>
  <si>
    <t xml:space="preserve"> 大和市</t>
    <phoneticPr fontId="1"/>
  </si>
  <si>
    <t xml:space="preserve"> 伊勢原市</t>
    <phoneticPr fontId="1"/>
  </si>
  <si>
    <t xml:space="preserve"> 海老名市</t>
    <phoneticPr fontId="1"/>
  </si>
  <si>
    <t xml:space="preserve"> 座間市</t>
    <phoneticPr fontId="1"/>
  </si>
  <si>
    <t xml:space="preserve"> 南足柄市</t>
    <phoneticPr fontId="1"/>
  </si>
  <si>
    <t xml:space="preserve"> 綾瀬市</t>
    <phoneticPr fontId="1"/>
  </si>
  <si>
    <t xml:space="preserve"> 葉山町</t>
    <phoneticPr fontId="1"/>
  </si>
  <si>
    <t xml:space="preserve"> 寒川町</t>
    <phoneticPr fontId="1"/>
  </si>
  <si>
    <t xml:space="preserve"> 大磯町</t>
    <phoneticPr fontId="1"/>
  </si>
  <si>
    <t xml:space="preserve"> 二宮町</t>
    <phoneticPr fontId="1"/>
  </si>
  <si>
    <t xml:space="preserve"> 中井町</t>
    <phoneticPr fontId="1"/>
  </si>
  <si>
    <t xml:space="preserve"> 大井町</t>
    <phoneticPr fontId="1"/>
  </si>
  <si>
    <t xml:space="preserve"> 松田町</t>
    <phoneticPr fontId="1"/>
  </si>
  <si>
    <t xml:space="preserve"> 山北町</t>
    <phoneticPr fontId="1"/>
  </si>
  <si>
    <t xml:space="preserve"> 開成町</t>
    <phoneticPr fontId="1"/>
  </si>
  <si>
    <t xml:space="preserve"> 箱根町</t>
    <phoneticPr fontId="1"/>
  </si>
  <si>
    <t xml:space="preserve"> 真鶴町</t>
    <phoneticPr fontId="1"/>
  </si>
  <si>
    <t xml:space="preserve"> 湯河原町</t>
    <phoneticPr fontId="1"/>
  </si>
  <si>
    <t xml:space="preserve"> 愛川町</t>
    <phoneticPr fontId="1"/>
  </si>
  <si>
    <t xml:space="preserve"> 清川村</t>
    <phoneticPr fontId="1"/>
  </si>
  <si>
    <t>市町村計</t>
  </si>
  <si>
    <t xml:space="preserve"> 医　師</t>
    <phoneticPr fontId="1"/>
  </si>
  <si>
    <t xml:space="preserve"> 歯科医師</t>
    <phoneticPr fontId="1"/>
  </si>
  <si>
    <t xml:space="preserve"> 食品衛生</t>
    <phoneticPr fontId="1"/>
  </si>
  <si>
    <t xml:space="preserve"> 薬剤師</t>
    <phoneticPr fontId="1"/>
  </si>
  <si>
    <t xml:space="preserve"> 建設業</t>
    <phoneticPr fontId="1"/>
  </si>
  <si>
    <t xml:space="preserve"> 建設連合</t>
    <phoneticPr fontId="1"/>
  </si>
  <si>
    <t>組  合  計</t>
    <phoneticPr fontId="1"/>
  </si>
  <si>
    <t>（注）　「その他繰入」は、一般会計その他繰入金である。</t>
    <rPh sb="7" eb="8">
      <t>タ</t>
    </rPh>
    <rPh sb="8" eb="9">
      <t>ク</t>
    </rPh>
    <rPh sb="9" eb="10">
      <t>イ</t>
    </rPh>
    <rPh sb="19" eb="20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8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9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</cellStyleXfs>
  <cellXfs count="91">
    <xf numFmtId="0" fontId="0" fillId="0" borderId="0" xfId="0"/>
    <xf numFmtId="0" fontId="1" fillId="0" borderId="0" xfId="2" applyFont="1" applyBorder="1" applyAlignment="1" applyProtection="1">
      <alignment horizontal="left" vertical="center"/>
    </xf>
    <xf numFmtId="0" fontId="3" fillId="0" borderId="0" xfId="2" applyFont="1" applyBorder="1" applyAlignment="1">
      <alignment vertical="center"/>
    </xf>
    <xf numFmtId="0" fontId="3" fillId="0" borderId="0" xfId="2" applyFont="1" applyAlignment="1">
      <alignment vertical="center"/>
    </xf>
    <xf numFmtId="0" fontId="4" fillId="0" borderId="0" xfId="2" applyFont="1" applyBorder="1" applyAlignment="1" applyProtection="1">
      <alignment vertical="center"/>
    </xf>
    <xf numFmtId="0" fontId="3" fillId="0" borderId="0" xfId="2" applyFont="1" applyBorder="1" applyAlignment="1" applyProtection="1">
      <alignment horizontal="left" vertical="center"/>
    </xf>
    <xf numFmtId="0" fontId="5" fillId="0" borderId="1" xfId="2" applyFont="1" applyBorder="1" applyAlignment="1">
      <alignment vertical="center"/>
    </xf>
    <xf numFmtId="0" fontId="5" fillId="0" borderId="2" xfId="2" applyFont="1" applyBorder="1" applyAlignment="1">
      <alignment vertical="center"/>
    </xf>
    <xf numFmtId="0" fontId="5" fillId="0" borderId="6" xfId="2" applyFont="1" applyBorder="1" applyAlignment="1">
      <alignment vertical="center"/>
    </xf>
    <xf numFmtId="0" fontId="5" fillId="0" borderId="7" xfId="2" applyFont="1" applyBorder="1" applyAlignment="1" applyProtection="1">
      <alignment horizontal="right" vertical="center"/>
    </xf>
    <xf numFmtId="0" fontId="5" fillId="0" borderId="8" xfId="2" applyFont="1" applyBorder="1" applyAlignment="1" applyProtection="1">
      <alignment horizontal="center" justifyLastLine="1"/>
    </xf>
    <xf numFmtId="0" fontId="5" fillId="0" borderId="9" xfId="2" applyFont="1" applyBorder="1" applyAlignment="1" applyProtection="1">
      <alignment horizontal="center" justifyLastLine="1"/>
    </xf>
    <xf numFmtId="0" fontId="5" fillId="0" borderId="10" xfId="2" applyFont="1" applyBorder="1" applyAlignment="1" applyProtection="1">
      <alignment horizontal="center" justifyLastLine="1"/>
    </xf>
    <xf numFmtId="0" fontId="5" fillId="0" borderId="11" xfId="2" applyFont="1" applyBorder="1" applyAlignment="1" applyProtection="1">
      <alignment horizontal="center" justifyLastLine="1"/>
    </xf>
    <xf numFmtId="0" fontId="5" fillId="0" borderId="12" xfId="2" applyFont="1" applyBorder="1" applyAlignment="1" applyProtection="1">
      <alignment horizontal="left" vertical="center"/>
    </xf>
    <xf numFmtId="0" fontId="5" fillId="0" borderId="13" xfId="2" applyFont="1" applyBorder="1" applyAlignment="1">
      <alignment horizontal="centerContinuous" vertical="center"/>
    </xf>
    <xf numFmtId="0" fontId="5" fillId="0" borderId="14" xfId="2" applyFont="1" applyBorder="1" applyAlignment="1" applyProtection="1">
      <alignment horizontal="center" vertical="top"/>
    </xf>
    <xf numFmtId="0" fontId="5" fillId="0" borderId="15" xfId="2" applyFont="1" applyBorder="1" applyAlignment="1" applyProtection="1">
      <alignment horizontal="center" vertical="top"/>
    </xf>
    <xf numFmtId="0" fontId="5" fillId="0" borderId="12" xfId="2" applyFont="1" applyBorder="1" applyAlignment="1" applyProtection="1">
      <alignment horizontal="center" vertical="top"/>
    </xf>
    <xf numFmtId="0" fontId="5" fillId="0" borderId="16" xfId="2" applyFont="1" applyBorder="1" applyAlignment="1" applyProtection="1">
      <alignment horizontal="center" vertical="top"/>
    </xf>
    <xf numFmtId="0" fontId="3" fillId="0" borderId="0" xfId="2" applyFont="1"/>
    <xf numFmtId="10" fontId="5" fillId="0" borderId="19" xfId="1" applyNumberFormat="1" applyFont="1" applyBorder="1" applyAlignment="1" applyProtection="1">
      <alignment vertical="center"/>
    </xf>
    <xf numFmtId="10" fontId="5" fillId="0" borderId="20" xfId="1" applyNumberFormat="1" applyFont="1" applyBorder="1" applyAlignment="1" applyProtection="1">
      <alignment vertical="center"/>
    </xf>
    <xf numFmtId="10" fontId="5" fillId="0" borderId="0" xfId="1" quotePrefix="1" applyNumberFormat="1" applyFont="1" applyBorder="1" applyAlignment="1" applyProtection="1">
      <alignment vertical="center"/>
    </xf>
    <xf numFmtId="10" fontId="5" fillId="0" borderId="9" xfId="1" quotePrefix="1" applyNumberFormat="1" applyFont="1" applyFill="1" applyBorder="1" applyAlignment="1" applyProtection="1">
      <alignment vertical="center"/>
    </xf>
    <xf numFmtId="10" fontId="5" fillId="0" borderId="23" xfId="1" quotePrefix="1" applyNumberFormat="1" applyFont="1" applyFill="1" applyBorder="1" applyAlignment="1" applyProtection="1">
      <alignment vertical="center"/>
    </xf>
    <xf numFmtId="10" fontId="5" fillId="0" borderId="24" xfId="1" quotePrefix="1" applyNumberFormat="1" applyFont="1" applyFill="1" applyBorder="1" applyAlignment="1" applyProtection="1">
      <alignment vertical="center"/>
    </xf>
    <xf numFmtId="10" fontId="5" fillId="0" borderId="7" xfId="1" quotePrefix="1" applyNumberFormat="1" applyFont="1" applyFill="1" applyBorder="1" applyAlignment="1" applyProtection="1">
      <alignment vertical="center"/>
    </xf>
    <xf numFmtId="10" fontId="5" fillId="0" borderId="18" xfId="1" applyNumberFormat="1" applyFont="1" applyBorder="1" applyAlignment="1" applyProtection="1">
      <alignment vertical="center"/>
    </xf>
    <xf numFmtId="10" fontId="5" fillId="0" borderId="21" xfId="1" applyNumberFormat="1" applyFont="1" applyBorder="1" applyAlignment="1" applyProtection="1">
      <alignment vertical="center"/>
    </xf>
    <xf numFmtId="10" fontId="5" fillId="0" borderId="22" xfId="1" applyNumberFormat="1" applyFont="1" applyBorder="1" applyAlignment="1" applyProtection="1">
      <alignment vertical="center"/>
    </xf>
    <xf numFmtId="10" fontId="5" fillId="0" borderId="14" xfId="1" applyNumberFormat="1" applyFont="1" applyBorder="1" applyAlignment="1" applyProtection="1">
      <alignment vertical="center"/>
    </xf>
    <xf numFmtId="10" fontId="5" fillId="0" borderId="15" xfId="1" applyNumberFormat="1" applyFont="1" applyBorder="1" applyAlignment="1" applyProtection="1">
      <alignment vertical="center"/>
    </xf>
    <xf numFmtId="10" fontId="5" fillId="0" borderId="25" xfId="1" applyNumberFormat="1" applyFont="1" applyBorder="1" applyAlignment="1" applyProtection="1">
      <alignment vertical="center"/>
    </xf>
    <xf numFmtId="10" fontId="5" fillId="0" borderId="26" xfId="1" applyNumberFormat="1" applyFont="1" applyBorder="1" applyAlignment="1" applyProtection="1">
      <alignment vertical="center"/>
    </xf>
    <xf numFmtId="10" fontId="5" fillId="0" borderId="13" xfId="1" applyNumberFormat="1" applyFont="1" applyBorder="1" applyAlignment="1" applyProtection="1">
      <alignment vertical="center"/>
    </xf>
    <xf numFmtId="10" fontId="5" fillId="0" borderId="29" xfId="1" quotePrefix="1" applyNumberFormat="1" applyFont="1" applyBorder="1" applyAlignment="1" applyProtection="1">
      <alignment vertical="center"/>
    </xf>
    <xf numFmtId="10" fontId="5" fillId="0" borderId="30" xfId="1" quotePrefix="1" applyNumberFormat="1" applyFont="1" applyFill="1" applyBorder="1" applyAlignment="1" applyProtection="1">
      <alignment vertical="center"/>
    </xf>
    <xf numFmtId="10" fontId="5" fillId="0" borderId="25" xfId="1" quotePrefix="1" applyNumberFormat="1" applyFont="1" applyFill="1" applyBorder="1" applyAlignment="1" applyProtection="1">
      <alignment vertical="center"/>
    </xf>
    <xf numFmtId="10" fontId="5" fillId="0" borderId="26" xfId="1" quotePrefix="1" applyNumberFormat="1" applyFont="1" applyFill="1" applyBorder="1" applyAlignment="1" applyProtection="1">
      <alignment vertical="center"/>
    </xf>
    <xf numFmtId="10" fontId="5" fillId="0" borderId="28" xfId="1" quotePrefix="1" applyNumberFormat="1" applyFont="1" applyFill="1" applyBorder="1" applyAlignment="1" applyProtection="1">
      <alignment vertical="center"/>
    </xf>
    <xf numFmtId="0" fontId="5" fillId="0" borderId="6" xfId="2" applyFont="1" applyBorder="1" applyAlignment="1" applyProtection="1">
      <alignment vertical="center"/>
    </xf>
    <xf numFmtId="0" fontId="6" fillId="0" borderId="31" xfId="2" applyFont="1" applyBorder="1" applyAlignment="1" applyProtection="1">
      <alignment horizontal="left" vertical="center"/>
    </xf>
    <xf numFmtId="10" fontId="5" fillId="0" borderId="32" xfId="1" quotePrefix="1" applyNumberFormat="1" applyFont="1" applyBorder="1" applyAlignment="1" applyProtection="1">
      <alignment vertical="center"/>
    </xf>
    <xf numFmtId="10" fontId="5" fillId="0" borderId="33" xfId="1" quotePrefix="1" applyNumberFormat="1" applyFont="1" applyBorder="1" applyAlignment="1" applyProtection="1">
      <alignment vertical="center"/>
    </xf>
    <xf numFmtId="10" fontId="5" fillId="0" borderId="34" xfId="1" quotePrefix="1" applyNumberFormat="1" applyFont="1" applyBorder="1" applyAlignment="1" applyProtection="1">
      <alignment vertical="center"/>
    </xf>
    <xf numFmtId="10" fontId="5" fillId="0" borderId="35" xfId="1" quotePrefix="1" applyNumberFormat="1" applyFont="1" applyFill="1" applyBorder="1" applyAlignment="1" applyProtection="1">
      <alignment vertical="center"/>
    </xf>
    <xf numFmtId="10" fontId="5" fillId="0" borderId="36" xfId="1" quotePrefix="1" applyNumberFormat="1" applyFont="1" applyFill="1" applyBorder="1" applyAlignment="1" applyProtection="1">
      <alignment vertical="center"/>
    </xf>
    <xf numFmtId="10" fontId="5" fillId="0" borderId="37" xfId="1" quotePrefix="1" applyNumberFormat="1" applyFont="1" applyFill="1" applyBorder="1" applyAlignment="1" applyProtection="1">
      <alignment vertical="center"/>
    </xf>
    <xf numFmtId="10" fontId="5" fillId="0" borderId="38" xfId="1" quotePrefix="1" applyNumberFormat="1" applyFont="1" applyFill="1" applyBorder="1" applyAlignment="1" applyProtection="1">
      <alignment vertical="center"/>
    </xf>
    <xf numFmtId="0" fontId="5" fillId="0" borderId="23" xfId="2" applyFont="1" applyBorder="1" applyAlignment="1" applyProtection="1">
      <alignment vertical="center"/>
    </xf>
    <xf numFmtId="0" fontId="6" fillId="0" borderId="11" xfId="2" applyFont="1" applyBorder="1" applyAlignment="1" applyProtection="1">
      <alignment horizontal="left" vertical="center"/>
    </xf>
    <xf numFmtId="0" fontId="5" fillId="0" borderId="12" xfId="2" applyFont="1" applyBorder="1" applyAlignment="1" applyProtection="1">
      <alignment vertical="center"/>
    </xf>
    <xf numFmtId="0" fontId="6" fillId="0" borderId="39" xfId="2" applyFont="1" applyBorder="1" applyAlignment="1" applyProtection="1">
      <alignment horizontal="left" vertical="center"/>
    </xf>
    <xf numFmtId="10" fontId="5" fillId="0" borderId="40" xfId="1" quotePrefix="1" applyNumberFormat="1" applyFont="1" applyBorder="1" applyAlignment="1" applyProtection="1">
      <alignment vertical="center"/>
    </xf>
    <xf numFmtId="10" fontId="5" fillId="0" borderId="41" xfId="1" quotePrefix="1" applyNumberFormat="1" applyFont="1" applyFill="1" applyBorder="1" applyAlignment="1" applyProtection="1">
      <alignment vertical="center"/>
    </xf>
    <xf numFmtId="10" fontId="5" fillId="0" borderId="42" xfId="1" applyNumberFormat="1" applyFont="1" applyFill="1" applyBorder="1" applyAlignment="1" applyProtection="1">
      <alignment vertical="center"/>
    </xf>
    <xf numFmtId="10" fontId="5" fillId="0" borderId="43" xfId="1" quotePrefix="1" applyNumberFormat="1" applyFont="1" applyFill="1" applyBorder="1" applyAlignment="1" applyProtection="1">
      <alignment vertical="center"/>
    </xf>
    <xf numFmtId="10" fontId="5" fillId="0" borderId="44" xfId="1" quotePrefix="1" applyNumberFormat="1" applyFont="1" applyFill="1" applyBorder="1" applyAlignment="1" applyProtection="1">
      <alignment vertical="center"/>
    </xf>
    <xf numFmtId="10" fontId="5" fillId="0" borderId="35" xfId="1" applyNumberFormat="1" applyFont="1" applyFill="1" applyBorder="1" applyAlignment="1" applyProtection="1">
      <alignment vertical="center"/>
    </xf>
    <xf numFmtId="10" fontId="5" fillId="0" borderId="38" xfId="1" applyNumberFormat="1" applyFont="1" applyFill="1" applyBorder="1" applyAlignment="1" applyProtection="1">
      <alignment vertical="center"/>
    </xf>
    <xf numFmtId="10" fontId="5" fillId="0" borderId="45" xfId="1" quotePrefix="1" applyNumberFormat="1" applyFont="1" applyBorder="1" applyAlignment="1" applyProtection="1">
      <alignment vertical="center"/>
    </xf>
    <xf numFmtId="10" fontId="5" fillId="0" borderId="45" xfId="1" quotePrefix="1" applyNumberFormat="1" applyFont="1" applyFill="1" applyBorder="1" applyAlignment="1" applyProtection="1">
      <alignment vertical="center"/>
    </xf>
    <xf numFmtId="10" fontId="5" fillId="0" borderId="46" xfId="1" quotePrefix="1" applyNumberFormat="1" applyFont="1" applyFill="1" applyBorder="1" applyAlignment="1" applyProtection="1">
      <alignment vertical="center"/>
    </xf>
    <xf numFmtId="0" fontId="5" fillId="0" borderId="38" xfId="2" applyFont="1" applyBorder="1" applyAlignment="1" applyProtection="1">
      <alignment horizontal="left" vertical="center"/>
    </xf>
    <xf numFmtId="10" fontId="5" fillId="0" borderId="35" xfId="1" quotePrefix="1" applyNumberFormat="1" applyFont="1" applyBorder="1" applyAlignment="1" applyProtection="1">
      <alignment vertical="center"/>
    </xf>
    <xf numFmtId="0" fontId="5" fillId="0" borderId="15" xfId="2" applyFont="1" applyBorder="1" applyAlignment="1" applyProtection="1">
      <alignment horizontal="left" vertical="center"/>
    </xf>
    <xf numFmtId="10" fontId="5" fillId="0" borderId="23" xfId="1" quotePrefix="1" applyNumberFormat="1" applyFont="1" applyBorder="1" applyAlignment="1" applyProtection="1">
      <alignment vertical="center"/>
    </xf>
    <xf numFmtId="10" fontId="5" fillId="0" borderId="49" xfId="1" quotePrefix="1" applyNumberFormat="1" applyFont="1" applyBorder="1" applyAlignment="1" applyProtection="1">
      <alignment vertical="center"/>
    </xf>
    <xf numFmtId="10" fontId="5" fillId="0" borderId="50" xfId="1" quotePrefix="1" applyNumberFormat="1" applyFont="1" applyFill="1" applyBorder="1" applyAlignment="1" applyProtection="1">
      <alignment vertical="center"/>
    </xf>
    <xf numFmtId="10" fontId="5" fillId="0" borderId="49" xfId="1" quotePrefix="1" applyNumberFormat="1" applyFont="1" applyFill="1" applyBorder="1" applyAlignment="1" applyProtection="1">
      <alignment vertical="center"/>
    </xf>
    <xf numFmtId="10" fontId="5" fillId="0" borderId="51" xfId="1" quotePrefix="1" applyNumberFormat="1" applyFont="1" applyFill="1" applyBorder="1" applyAlignment="1" applyProtection="1">
      <alignment vertical="center"/>
    </xf>
    <xf numFmtId="10" fontId="5" fillId="0" borderId="52" xfId="1" quotePrefix="1" applyNumberFormat="1" applyFont="1" applyFill="1" applyBorder="1" applyAlignment="1" applyProtection="1">
      <alignment vertical="center"/>
    </xf>
    <xf numFmtId="0" fontId="5" fillId="0" borderId="0" xfId="2" applyFont="1" applyAlignment="1" applyProtection="1">
      <alignment horizontal="left" vertical="center"/>
    </xf>
    <xf numFmtId="0" fontId="5" fillId="0" borderId="0" xfId="2" applyFont="1" applyAlignment="1">
      <alignment vertical="center"/>
    </xf>
    <xf numFmtId="10" fontId="5" fillId="0" borderId="0" xfId="2" applyNumberFormat="1" applyFont="1" applyAlignment="1" applyProtection="1">
      <alignment vertical="center"/>
    </xf>
    <xf numFmtId="0" fontId="7" fillId="0" borderId="0" xfId="4" applyFont="1" applyAlignment="1">
      <alignment vertical="center"/>
    </xf>
    <xf numFmtId="0" fontId="5" fillId="0" borderId="47" xfId="3" applyFont="1" applyBorder="1" applyAlignment="1">
      <alignment horizontal="distributed" vertical="center" justifyLastLine="1"/>
    </xf>
    <xf numFmtId="0" fontId="5" fillId="0" borderId="48" xfId="0" applyFont="1" applyBorder="1" applyAlignment="1">
      <alignment horizontal="distributed" vertical="center" justifyLastLine="1"/>
    </xf>
    <xf numFmtId="0" fontId="5" fillId="0" borderId="17" xfId="2" applyFont="1" applyBorder="1" applyAlignment="1" applyProtection="1">
      <alignment horizontal="distributed" vertical="center" justifyLastLine="1"/>
    </xf>
    <xf numFmtId="0" fontId="5" fillId="0" borderId="18" xfId="2" applyFont="1" applyBorder="1" applyAlignment="1" applyProtection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0" fontId="5" fillId="0" borderId="12" xfId="2" applyFont="1" applyBorder="1" applyAlignment="1" applyProtection="1">
      <alignment horizontal="distributed" vertical="center" justifyLastLine="1"/>
    </xf>
    <xf numFmtId="0" fontId="0" fillId="0" borderId="13" xfId="0" applyBorder="1" applyAlignment="1">
      <alignment horizontal="distributed" vertical="center" justifyLastLine="1"/>
    </xf>
    <xf numFmtId="0" fontId="5" fillId="0" borderId="27" xfId="2" applyFont="1" applyBorder="1" applyAlignment="1" applyProtection="1">
      <alignment horizontal="distributed" vertical="center" justifyLastLine="1"/>
    </xf>
    <xf numFmtId="0" fontId="5" fillId="0" borderId="28" xfId="2" applyFont="1" applyBorder="1" applyAlignment="1" applyProtection="1">
      <alignment horizontal="distributed" vertical="center" justifyLastLine="1"/>
    </xf>
    <xf numFmtId="0" fontId="5" fillId="0" borderId="27" xfId="3" applyFont="1" applyBorder="1" applyAlignment="1">
      <alignment horizontal="distributed" vertical="center" justifyLastLine="1"/>
    </xf>
    <xf numFmtId="0" fontId="5" fillId="0" borderId="29" xfId="0" applyFont="1" applyBorder="1" applyAlignment="1">
      <alignment horizontal="distributed" vertical="center" justifyLastLine="1"/>
    </xf>
    <xf numFmtId="0" fontId="5" fillId="0" borderId="3" xfId="2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</cellXfs>
  <cellStyles count="5">
    <cellStyle name="パーセント" xfId="1" builtinId="5"/>
    <cellStyle name="標準" xfId="0" builtinId="0"/>
    <cellStyle name="標準_第１表_1" xfId="3"/>
    <cellStyle name="標準_第７表 (2)" xfId="4"/>
    <cellStyle name="標準_第８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</xdr:row>
      <xdr:rowOff>0</xdr:rowOff>
    </xdr:from>
    <xdr:to>
      <xdr:col>2</xdr:col>
      <xdr:colOff>0</xdr:colOff>
      <xdr:row>5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9525" y="314325"/>
          <a:ext cx="1028700" cy="561975"/>
        </a:xfrm>
        <a:prstGeom prst="line">
          <a:avLst/>
        </a:prstGeom>
        <a:noFill/>
        <a:ln w="1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tabSelected="1" view="pageBreakPreview" zoomScaleNormal="100" workbookViewId="0">
      <selection activeCell="H16" sqref="H16"/>
    </sheetView>
  </sheetViews>
  <sheetFormatPr defaultRowHeight="10.5" x14ac:dyDescent="0.15"/>
  <cols>
    <col min="1" max="1" width="3.625" style="20" customWidth="1"/>
    <col min="2" max="2" width="10" style="20" customWidth="1"/>
    <col min="3" max="5" width="10.625" style="20" customWidth="1"/>
    <col min="6" max="6" width="11" style="20" customWidth="1"/>
    <col min="7" max="8" width="10.625" style="20" customWidth="1"/>
    <col min="9" max="9" width="11" style="20" customWidth="1"/>
    <col min="10" max="16384" width="9" style="20"/>
  </cols>
  <sheetData>
    <row r="1" spans="1:9" s="3" customFormat="1" ht="13.5" x14ac:dyDescent="0.15">
      <c r="A1" s="1" t="s">
        <v>0</v>
      </c>
      <c r="B1" s="2"/>
      <c r="D1" s="4"/>
      <c r="E1" s="4"/>
      <c r="F1" s="2"/>
      <c r="G1" s="2"/>
      <c r="H1" s="2"/>
      <c r="I1" s="2"/>
    </row>
    <row r="2" spans="1:9" s="3" customFormat="1" ht="11.25" thickBot="1" x14ac:dyDescent="0.2">
      <c r="A2" s="5"/>
      <c r="B2" s="2"/>
      <c r="D2" s="4"/>
      <c r="E2" s="4"/>
      <c r="F2" s="2"/>
      <c r="G2" s="2"/>
      <c r="H2" s="2"/>
      <c r="I2" s="2"/>
    </row>
    <row r="3" spans="1:9" s="3" customFormat="1" ht="15" customHeight="1" x14ac:dyDescent="0.15">
      <c r="A3" s="6"/>
      <c r="B3" s="7"/>
      <c r="C3" s="88" t="s">
        <v>1</v>
      </c>
      <c r="D3" s="89"/>
      <c r="E3" s="89"/>
      <c r="F3" s="90"/>
      <c r="G3" s="88" t="s">
        <v>2</v>
      </c>
      <c r="H3" s="89"/>
      <c r="I3" s="90"/>
    </row>
    <row r="4" spans="1:9" s="3" customFormat="1" ht="15" customHeight="1" x14ac:dyDescent="0.15">
      <c r="A4" s="8"/>
      <c r="B4" s="9" t="s">
        <v>3</v>
      </c>
      <c r="C4" s="10" t="s">
        <v>4</v>
      </c>
      <c r="D4" s="11" t="s">
        <v>5</v>
      </c>
      <c r="E4" s="11" t="s">
        <v>6</v>
      </c>
      <c r="F4" s="11" t="s">
        <v>7</v>
      </c>
      <c r="G4" s="12" t="s">
        <v>8</v>
      </c>
      <c r="H4" s="11" t="s">
        <v>9</v>
      </c>
      <c r="I4" s="13" t="s">
        <v>10</v>
      </c>
    </row>
    <row r="5" spans="1:9" s="3" customFormat="1" ht="14.25" customHeight="1" thickBot="1" x14ac:dyDescent="0.2">
      <c r="A5" s="14" t="s">
        <v>11</v>
      </c>
      <c r="B5" s="15"/>
      <c r="C5" s="16" t="s">
        <v>12</v>
      </c>
      <c r="D5" s="17" t="s">
        <v>12</v>
      </c>
      <c r="E5" s="17" t="s">
        <v>12</v>
      </c>
      <c r="F5" s="17" t="s">
        <v>12</v>
      </c>
      <c r="G5" s="18" t="s">
        <v>12</v>
      </c>
      <c r="H5" s="17" t="s">
        <v>12</v>
      </c>
      <c r="I5" s="19" t="s">
        <v>12</v>
      </c>
    </row>
    <row r="6" spans="1:9" s="3" customFormat="1" ht="16.5" customHeight="1" thickTop="1" x14ac:dyDescent="0.15">
      <c r="A6" s="79" t="s">
        <v>13</v>
      </c>
      <c r="B6" s="80"/>
      <c r="C6" s="21">
        <v>0.26950000000000002</v>
      </c>
      <c r="D6" s="22">
        <v>0.20219999999999999</v>
      </c>
      <c r="E6" s="22">
        <v>5.0299999999999997E-2</v>
      </c>
      <c r="F6" s="22">
        <v>4.53E-2</v>
      </c>
      <c r="G6" s="29">
        <v>1.4999999999999999E-2</v>
      </c>
      <c r="H6" s="30">
        <v>0.66500000000000004</v>
      </c>
      <c r="I6" s="28">
        <v>6.4000000000000003E-3</v>
      </c>
    </row>
    <row r="7" spans="1:9" s="3" customFormat="1" ht="16.5" customHeight="1" x14ac:dyDescent="0.15">
      <c r="A7" s="79" t="s">
        <v>14</v>
      </c>
      <c r="B7" s="81"/>
      <c r="C7" s="21">
        <v>0.27260000000000001</v>
      </c>
      <c r="D7" s="22">
        <v>0.20050000000000001</v>
      </c>
      <c r="E7" s="22">
        <v>4.9700000000000001E-2</v>
      </c>
      <c r="F7" s="22">
        <v>4.7600000000000003E-2</v>
      </c>
      <c r="G7" s="29">
        <v>1.4999999999999999E-2</v>
      </c>
      <c r="H7" s="30">
        <v>0.66769999999999996</v>
      </c>
      <c r="I7" s="28">
        <v>6.4999999999999997E-3</v>
      </c>
    </row>
    <row r="8" spans="1:9" s="3" customFormat="1" ht="16.5" customHeight="1" x14ac:dyDescent="0.15">
      <c r="A8" s="79" t="s">
        <v>15</v>
      </c>
      <c r="B8" s="81"/>
      <c r="C8" s="21">
        <v>0.26340000000000002</v>
      </c>
      <c r="D8" s="22">
        <v>0.2001</v>
      </c>
      <c r="E8" s="22">
        <v>4.9700000000000001E-2</v>
      </c>
      <c r="F8" s="22">
        <v>4.2799999999999998E-2</v>
      </c>
      <c r="G8" s="29">
        <v>1.49E-2</v>
      </c>
      <c r="H8" s="30">
        <v>0.66930000000000001</v>
      </c>
      <c r="I8" s="28">
        <v>6.7000000000000002E-3</v>
      </c>
    </row>
    <row r="9" spans="1:9" s="3" customFormat="1" ht="16.5" customHeight="1" thickBot="1" x14ac:dyDescent="0.2">
      <c r="A9" s="82" t="s">
        <v>16</v>
      </c>
      <c r="B9" s="83"/>
      <c r="C9" s="31">
        <v>0.21790000000000001</v>
      </c>
      <c r="D9" s="32">
        <v>0.1804</v>
      </c>
      <c r="E9" s="32">
        <v>4.4499999999999998E-2</v>
      </c>
      <c r="F9" s="32">
        <v>3.9E-2</v>
      </c>
      <c r="G9" s="33">
        <v>1.3899999999999999E-2</v>
      </c>
      <c r="H9" s="34">
        <v>0.59640000000000004</v>
      </c>
      <c r="I9" s="35">
        <v>6.0000000000000001E-3</v>
      </c>
    </row>
    <row r="10" spans="1:9" s="3" customFormat="1" ht="16.5" customHeight="1" thickTop="1" thickBot="1" x14ac:dyDescent="0.2">
      <c r="A10" s="84" t="s">
        <v>17</v>
      </c>
      <c r="B10" s="85"/>
      <c r="C10" s="36">
        <v>0.21609999999999999</v>
      </c>
      <c r="D10" s="37">
        <v>0.183</v>
      </c>
      <c r="E10" s="37">
        <v>4.7300000000000002E-2</v>
      </c>
      <c r="F10" s="37">
        <v>3.2399999999999998E-2</v>
      </c>
      <c r="G10" s="38">
        <v>1.38E-2</v>
      </c>
      <c r="H10" s="39">
        <v>0.59370000000000001</v>
      </c>
      <c r="I10" s="40">
        <v>6.0000000000000001E-3</v>
      </c>
    </row>
    <row r="11" spans="1:9" s="3" customFormat="1" ht="15.75" customHeight="1" thickTop="1" x14ac:dyDescent="0.15">
      <c r="A11" s="41">
        <v>1</v>
      </c>
      <c r="B11" s="42" t="s">
        <v>18</v>
      </c>
      <c r="C11" s="43">
        <v>0.20499999999999999</v>
      </c>
      <c r="D11" s="44">
        <v>0.17249999999999999</v>
      </c>
      <c r="E11" s="45">
        <v>4.7E-2</v>
      </c>
      <c r="F11" s="43">
        <v>3.1699999999999999E-2</v>
      </c>
      <c r="G11" s="46">
        <v>1.2699999999999999E-2</v>
      </c>
      <c r="H11" s="47">
        <v>0.59930000000000005</v>
      </c>
      <c r="I11" s="48">
        <v>3.3E-3</v>
      </c>
    </row>
    <row r="12" spans="1:9" s="3" customFormat="1" ht="15.75" customHeight="1" x14ac:dyDescent="0.15">
      <c r="A12" s="41">
        <v>2</v>
      </c>
      <c r="B12" s="42" t="s">
        <v>19</v>
      </c>
      <c r="C12" s="43">
        <v>0.2258</v>
      </c>
      <c r="D12" s="49">
        <v>0.18490000000000001</v>
      </c>
      <c r="E12" s="49">
        <v>5.1200000000000002E-2</v>
      </c>
      <c r="F12" s="49">
        <v>4.0099999999999997E-2</v>
      </c>
      <c r="G12" s="46">
        <v>1.6500000000000001E-2</v>
      </c>
      <c r="H12" s="47">
        <v>0.57999999999999996</v>
      </c>
      <c r="I12" s="48">
        <v>4.4000000000000003E-3</v>
      </c>
    </row>
    <row r="13" spans="1:9" s="3" customFormat="1" ht="15.75" customHeight="1" x14ac:dyDescent="0.15">
      <c r="A13" s="41">
        <v>3</v>
      </c>
      <c r="B13" s="42" t="s">
        <v>20</v>
      </c>
      <c r="C13" s="43">
        <v>0.1593</v>
      </c>
      <c r="D13" s="49">
        <v>0.16650000000000001</v>
      </c>
      <c r="E13" s="49">
        <v>4.48E-2</v>
      </c>
      <c r="F13" s="49">
        <v>3.4000000000000002E-2</v>
      </c>
      <c r="G13" s="46">
        <v>1.7299999999999999E-2</v>
      </c>
      <c r="H13" s="47">
        <v>0.6149</v>
      </c>
      <c r="I13" s="48">
        <v>5.3E-3</v>
      </c>
    </row>
    <row r="14" spans="1:9" s="3" customFormat="1" ht="15.75" customHeight="1" x14ac:dyDescent="0.15">
      <c r="A14" s="41">
        <v>4</v>
      </c>
      <c r="B14" s="42" t="s">
        <v>21</v>
      </c>
      <c r="C14" s="43">
        <v>0.1893</v>
      </c>
      <c r="D14" s="49">
        <v>0.18729999999999999</v>
      </c>
      <c r="E14" s="49">
        <v>5.1400000000000001E-2</v>
      </c>
      <c r="F14" s="49">
        <v>3.4200000000000001E-2</v>
      </c>
      <c r="G14" s="46">
        <v>9.5999999999999992E-3</v>
      </c>
      <c r="H14" s="47">
        <v>0.59950000000000003</v>
      </c>
      <c r="I14" s="48">
        <v>6.1000000000000004E-3</v>
      </c>
    </row>
    <row r="15" spans="1:9" s="3" customFormat="1" ht="15.75" customHeight="1" x14ac:dyDescent="0.15">
      <c r="A15" s="41">
        <v>5</v>
      </c>
      <c r="B15" s="42" t="s">
        <v>22</v>
      </c>
      <c r="C15" s="43">
        <v>0.20549999999999999</v>
      </c>
      <c r="D15" s="49">
        <v>0.1472</v>
      </c>
      <c r="E15" s="49">
        <v>5.0200000000000002E-2</v>
      </c>
      <c r="F15" s="49">
        <v>5.2499999999999998E-2</v>
      </c>
      <c r="G15" s="46">
        <v>1.09E-2</v>
      </c>
      <c r="H15" s="47">
        <v>0.59419999999999995</v>
      </c>
      <c r="I15" s="48">
        <v>7.1999999999999998E-3</v>
      </c>
    </row>
    <row r="16" spans="1:9" s="3" customFormat="1" ht="15.75" customHeight="1" x14ac:dyDescent="0.15">
      <c r="A16" s="41">
        <v>6</v>
      </c>
      <c r="B16" s="42" t="s">
        <v>23</v>
      </c>
      <c r="C16" s="43">
        <v>0.2132</v>
      </c>
      <c r="D16" s="49">
        <v>0.1598</v>
      </c>
      <c r="E16" s="49">
        <v>4.7600000000000003E-2</v>
      </c>
      <c r="F16" s="49">
        <v>2.8000000000000001E-2</v>
      </c>
      <c r="G16" s="46">
        <v>1.18E-2</v>
      </c>
      <c r="H16" s="47">
        <v>0.59130000000000005</v>
      </c>
      <c r="I16" s="48">
        <v>7.7000000000000002E-3</v>
      </c>
    </row>
    <row r="17" spans="1:9" s="3" customFormat="1" ht="15.75" customHeight="1" x14ac:dyDescent="0.15">
      <c r="A17" s="41">
        <v>7</v>
      </c>
      <c r="B17" s="42" t="s">
        <v>24</v>
      </c>
      <c r="C17" s="43">
        <v>0.19620000000000001</v>
      </c>
      <c r="D17" s="49">
        <v>0.18029999999999999</v>
      </c>
      <c r="E17" s="49">
        <v>5.33E-2</v>
      </c>
      <c r="F17" s="49">
        <v>1.4999999999999999E-2</v>
      </c>
      <c r="G17" s="46">
        <v>1.12E-2</v>
      </c>
      <c r="H17" s="47">
        <v>0.60499999999999998</v>
      </c>
      <c r="I17" s="48">
        <v>5.7999999999999996E-3</v>
      </c>
    </row>
    <row r="18" spans="1:9" s="3" customFormat="1" ht="15.75" customHeight="1" x14ac:dyDescent="0.15">
      <c r="A18" s="41">
        <v>8</v>
      </c>
      <c r="B18" s="42" t="s">
        <v>25</v>
      </c>
      <c r="C18" s="43">
        <v>0.21410000000000001</v>
      </c>
      <c r="D18" s="49">
        <v>0.17680000000000001</v>
      </c>
      <c r="E18" s="49">
        <v>4.87E-2</v>
      </c>
      <c r="F18" s="49">
        <v>7.7000000000000002E-3</v>
      </c>
      <c r="G18" s="46">
        <v>1.18E-2</v>
      </c>
      <c r="H18" s="47">
        <v>0.59160000000000001</v>
      </c>
      <c r="I18" s="48">
        <v>7.0000000000000001E-3</v>
      </c>
    </row>
    <row r="19" spans="1:9" s="3" customFormat="1" ht="15.75" customHeight="1" x14ac:dyDescent="0.15">
      <c r="A19" s="41">
        <v>9</v>
      </c>
      <c r="B19" s="42" t="s">
        <v>26</v>
      </c>
      <c r="C19" s="43">
        <v>0.1862</v>
      </c>
      <c r="D19" s="49">
        <v>0.14580000000000001</v>
      </c>
      <c r="E19" s="49">
        <v>5.2699999999999997E-2</v>
      </c>
      <c r="F19" s="49">
        <v>4.8500000000000001E-2</v>
      </c>
      <c r="G19" s="46">
        <v>1.2500000000000001E-2</v>
      </c>
      <c r="H19" s="47">
        <v>0.61080000000000001</v>
      </c>
      <c r="I19" s="48">
        <v>6.4000000000000003E-3</v>
      </c>
    </row>
    <row r="20" spans="1:9" s="3" customFormat="1" ht="15.75" customHeight="1" x14ac:dyDescent="0.15">
      <c r="A20" s="41">
        <v>10</v>
      </c>
      <c r="B20" s="42" t="s">
        <v>27</v>
      </c>
      <c r="C20" s="43">
        <v>0.19239999999999999</v>
      </c>
      <c r="D20" s="49">
        <v>0.18279999999999999</v>
      </c>
      <c r="E20" s="49">
        <v>5.2400000000000002E-2</v>
      </c>
      <c r="F20" s="49">
        <v>4.19E-2</v>
      </c>
      <c r="G20" s="46">
        <v>9.4000000000000004E-3</v>
      </c>
      <c r="H20" s="47">
        <v>0.59260000000000002</v>
      </c>
      <c r="I20" s="48">
        <v>7.4999999999999997E-3</v>
      </c>
    </row>
    <row r="21" spans="1:9" s="3" customFormat="1" ht="15.75" customHeight="1" x14ac:dyDescent="0.15">
      <c r="A21" s="41">
        <v>11</v>
      </c>
      <c r="B21" s="42" t="s">
        <v>28</v>
      </c>
      <c r="C21" s="43">
        <v>0.22040000000000001</v>
      </c>
      <c r="D21" s="49">
        <v>0.18709999999999999</v>
      </c>
      <c r="E21" s="49">
        <v>5.3699999999999998E-2</v>
      </c>
      <c r="F21" s="49">
        <v>1.5699999999999999E-2</v>
      </c>
      <c r="G21" s="46">
        <v>1.04E-2</v>
      </c>
      <c r="H21" s="47">
        <v>0.59379999999999999</v>
      </c>
      <c r="I21" s="48">
        <v>6.1000000000000004E-3</v>
      </c>
    </row>
    <row r="22" spans="1:9" s="3" customFormat="1" ht="15.75" customHeight="1" x14ac:dyDescent="0.15">
      <c r="A22" s="41">
        <v>12</v>
      </c>
      <c r="B22" s="42" t="s">
        <v>29</v>
      </c>
      <c r="C22" s="43">
        <v>0.18340000000000001</v>
      </c>
      <c r="D22" s="49">
        <v>0.17610000000000001</v>
      </c>
      <c r="E22" s="49">
        <v>5.1299999999999998E-2</v>
      </c>
      <c r="F22" s="49">
        <v>2.8299999999999999E-2</v>
      </c>
      <c r="G22" s="46">
        <v>1.2500000000000001E-2</v>
      </c>
      <c r="H22" s="47">
        <v>0.6079</v>
      </c>
      <c r="I22" s="48">
        <v>8.3999999999999995E-3</v>
      </c>
    </row>
    <row r="23" spans="1:9" s="3" customFormat="1" ht="15.75" customHeight="1" x14ac:dyDescent="0.15">
      <c r="A23" s="41">
        <v>13</v>
      </c>
      <c r="B23" s="42" t="s">
        <v>30</v>
      </c>
      <c r="C23" s="43">
        <v>0.20580000000000001</v>
      </c>
      <c r="D23" s="49">
        <v>0.1787</v>
      </c>
      <c r="E23" s="49">
        <v>5.2499999999999998E-2</v>
      </c>
      <c r="F23" s="49">
        <v>3.15E-2</v>
      </c>
      <c r="G23" s="46">
        <v>1.0500000000000001E-2</v>
      </c>
      <c r="H23" s="47">
        <v>0.59160000000000001</v>
      </c>
      <c r="I23" s="48">
        <v>7.1999999999999998E-3</v>
      </c>
    </row>
    <row r="24" spans="1:9" s="3" customFormat="1" ht="15.75" customHeight="1" x14ac:dyDescent="0.15">
      <c r="A24" s="41">
        <v>14</v>
      </c>
      <c r="B24" s="42" t="s">
        <v>31</v>
      </c>
      <c r="C24" s="43">
        <v>0.1996</v>
      </c>
      <c r="D24" s="49">
        <v>0.17949999999999999</v>
      </c>
      <c r="E24" s="49">
        <v>5.2299999999999999E-2</v>
      </c>
      <c r="F24" s="49">
        <v>4.3400000000000001E-2</v>
      </c>
      <c r="G24" s="46">
        <v>8.0999999999999996E-3</v>
      </c>
      <c r="H24" s="47">
        <v>0.58530000000000004</v>
      </c>
      <c r="I24" s="48">
        <v>9.7999999999999997E-3</v>
      </c>
    </row>
    <row r="25" spans="1:9" s="3" customFormat="1" ht="15.75" customHeight="1" x14ac:dyDescent="0.15">
      <c r="A25" s="41">
        <v>15</v>
      </c>
      <c r="B25" s="42" t="s">
        <v>32</v>
      </c>
      <c r="C25" s="43">
        <v>0.19189999999999999</v>
      </c>
      <c r="D25" s="49">
        <v>0.1623</v>
      </c>
      <c r="E25" s="49">
        <v>4.4400000000000002E-2</v>
      </c>
      <c r="F25" s="49">
        <v>4.3099999999999999E-2</v>
      </c>
      <c r="G25" s="46">
        <v>1.21E-2</v>
      </c>
      <c r="H25" s="47">
        <v>0.59799999999999998</v>
      </c>
      <c r="I25" s="48">
        <v>8.8999999999999999E-3</v>
      </c>
    </row>
    <row r="26" spans="1:9" s="3" customFormat="1" ht="15.75" customHeight="1" x14ac:dyDescent="0.15">
      <c r="A26" s="41">
        <v>16</v>
      </c>
      <c r="B26" s="42" t="s">
        <v>33</v>
      </c>
      <c r="C26" s="43">
        <v>0.19789999999999999</v>
      </c>
      <c r="D26" s="49">
        <v>0.17130000000000001</v>
      </c>
      <c r="E26" s="49">
        <v>5.33E-2</v>
      </c>
      <c r="F26" s="49">
        <v>5.0700000000000002E-2</v>
      </c>
      <c r="G26" s="46">
        <v>1.1299999999999999E-2</v>
      </c>
      <c r="H26" s="47">
        <v>0.58499999999999996</v>
      </c>
      <c r="I26" s="48">
        <v>7.4000000000000003E-3</v>
      </c>
    </row>
    <row r="27" spans="1:9" s="3" customFormat="1" ht="15.75" customHeight="1" x14ac:dyDescent="0.15">
      <c r="A27" s="41">
        <v>17</v>
      </c>
      <c r="B27" s="42" t="s">
        <v>34</v>
      </c>
      <c r="C27" s="43">
        <v>0.18090000000000001</v>
      </c>
      <c r="D27" s="49">
        <v>0.18190000000000001</v>
      </c>
      <c r="E27" s="49">
        <v>5.1999999999999998E-2</v>
      </c>
      <c r="F27" s="49">
        <v>7.1999999999999995E-2</v>
      </c>
      <c r="G27" s="46">
        <v>1.8599999999999998E-2</v>
      </c>
      <c r="H27" s="47">
        <v>0.58799999999999997</v>
      </c>
      <c r="I27" s="48">
        <v>5.3E-3</v>
      </c>
    </row>
    <row r="28" spans="1:9" s="3" customFormat="1" ht="15.75" customHeight="1" x14ac:dyDescent="0.15">
      <c r="A28" s="50">
        <v>18</v>
      </c>
      <c r="B28" s="51" t="s">
        <v>35</v>
      </c>
      <c r="C28" s="23">
        <v>0.20649999999999999</v>
      </c>
      <c r="D28" s="24">
        <v>0.17419999999999999</v>
      </c>
      <c r="E28" s="24">
        <v>4.1200000000000001E-2</v>
      </c>
      <c r="F28" s="24">
        <v>1.1999999999999999E-3</v>
      </c>
      <c r="G28" s="25">
        <v>1.12E-2</v>
      </c>
      <c r="H28" s="26">
        <v>0.60950000000000004</v>
      </c>
      <c r="I28" s="27">
        <v>5.1999999999999998E-3</v>
      </c>
    </row>
    <row r="29" spans="1:9" s="3" customFormat="1" ht="15.75" customHeight="1" thickBot="1" x14ac:dyDescent="0.2">
      <c r="A29" s="52">
        <v>21</v>
      </c>
      <c r="B29" s="53" t="s">
        <v>36</v>
      </c>
      <c r="C29" s="54">
        <v>0.19620000000000001</v>
      </c>
      <c r="D29" s="55">
        <v>0.184</v>
      </c>
      <c r="E29" s="55">
        <v>6.1400000000000003E-2</v>
      </c>
      <c r="F29" s="55">
        <v>2.3800000000000002E-2</v>
      </c>
      <c r="G29" s="56">
        <v>1.01E-2</v>
      </c>
      <c r="H29" s="57">
        <v>0.59919999999999995</v>
      </c>
      <c r="I29" s="58">
        <v>6.4000000000000003E-3</v>
      </c>
    </row>
    <row r="30" spans="1:9" s="3" customFormat="1" ht="15.75" customHeight="1" thickTop="1" x14ac:dyDescent="0.15">
      <c r="A30" s="41">
        <v>19</v>
      </c>
      <c r="B30" s="42" t="s">
        <v>37</v>
      </c>
      <c r="C30" s="43">
        <v>0.21879999999999999</v>
      </c>
      <c r="D30" s="49">
        <v>0.15160000000000001</v>
      </c>
      <c r="E30" s="49">
        <v>5.2400000000000002E-2</v>
      </c>
      <c r="F30" s="49">
        <v>1.66E-2</v>
      </c>
      <c r="G30" s="46">
        <v>1.34E-2</v>
      </c>
      <c r="H30" s="47">
        <v>0.56879999999999997</v>
      </c>
      <c r="I30" s="48">
        <v>6.0000000000000001E-3</v>
      </c>
    </row>
    <row r="31" spans="1:9" s="3" customFormat="1" ht="15.75" customHeight="1" x14ac:dyDescent="0.15">
      <c r="A31" s="41">
        <v>20</v>
      </c>
      <c r="B31" s="42" t="s">
        <v>38</v>
      </c>
      <c r="C31" s="43">
        <v>0.2132</v>
      </c>
      <c r="D31" s="49">
        <v>0.14099999999999999</v>
      </c>
      <c r="E31" s="49">
        <v>4.87E-2</v>
      </c>
      <c r="F31" s="49">
        <v>2.0400000000000001E-2</v>
      </c>
      <c r="G31" s="46">
        <v>1.2699999999999999E-2</v>
      </c>
      <c r="H31" s="47">
        <v>0.57499999999999996</v>
      </c>
      <c r="I31" s="48">
        <v>6.3E-3</v>
      </c>
    </row>
    <row r="32" spans="1:9" s="3" customFormat="1" ht="15.75" customHeight="1" x14ac:dyDescent="0.15">
      <c r="A32" s="41">
        <v>22</v>
      </c>
      <c r="B32" s="42" t="s">
        <v>39</v>
      </c>
      <c r="C32" s="43">
        <v>0.1966</v>
      </c>
      <c r="D32" s="49">
        <v>0.14630000000000001</v>
      </c>
      <c r="E32" s="49">
        <v>4.58E-2</v>
      </c>
      <c r="F32" s="49">
        <v>5.1499999999999997E-2</v>
      </c>
      <c r="G32" s="46">
        <v>8.2000000000000007E-3</v>
      </c>
      <c r="H32" s="47">
        <v>0.59040000000000004</v>
      </c>
      <c r="I32" s="48">
        <v>5.1000000000000004E-3</v>
      </c>
    </row>
    <row r="33" spans="1:9" s="3" customFormat="1" ht="15.75" customHeight="1" x14ac:dyDescent="0.15">
      <c r="A33" s="41">
        <v>23</v>
      </c>
      <c r="B33" s="42" t="s">
        <v>40</v>
      </c>
      <c r="C33" s="43">
        <v>0.18179999999999999</v>
      </c>
      <c r="D33" s="49">
        <v>0.1789</v>
      </c>
      <c r="E33" s="49">
        <v>6.6500000000000004E-2</v>
      </c>
      <c r="F33" s="49">
        <v>0</v>
      </c>
      <c r="G33" s="46">
        <v>1.01E-2</v>
      </c>
      <c r="H33" s="47">
        <v>0.62980000000000003</v>
      </c>
      <c r="I33" s="48">
        <v>7.3000000000000001E-3</v>
      </c>
    </row>
    <row r="34" spans="1:9" s="3" customFormat="1" ht="15.75" customHeight="1" x14ac:dyDescent="0.15">
      <c r="A34" s="41">
        <v>24</v>
      </c>
      <c r="B34" s="42" t="s">
        <v>41</v>
      </c>
      <c r="C34" s="43">
        <v>0.18679999999999999</v>
      </c>
      <c r="D34" s="49">
        <v>0.13730000000000001</v>
      </c>
      <c r="E34" s="49">
        <v>6.5000000000000002E-2</v>
      </c>
      <c r="F34" s="49">
        <v>4.1599999999999998E-2</v>
      </c>
      <c r="G34" s="46">
        <v>1.7600000000000001E-2</v>
      </c>
      <c r="H34" s="47">
        <v>0.61480000000000001</v>
      </c>
      <c r="I34" s="48">
        <v>7.4000000000000003E-3</v>
      </c>
    </row>
    <row r="35" spans="1:9" s="3" customFormat="1" ht="15.75" customHeight="1" x14ac:dyDescent="0.15">
      <c r="A35" s="41">
        <v>25</v>
      </c>
      <c r="B35" s="42" t="s">
        <v>42</v>
      </c>
      <c r="C35" s="43">
        <v>0.2006</v>
      </c>
      <c r="D35" s="49">
        <v>0.1386</v>
      </c>
      <c r="E35" s="49">
        <v>7.0699999999999999E-2</v>
      </c>
      <c r="F35" s="49">
        <v>9.1000000000000004E-3</v>
      </c>
      <c r="G35" s="59">
        <v>1.6799999999999999E-2</v>
      </c>
      <c r="H35" s="47">
        <v>0.56679999999999997</v>
      </c>
      <c r="I35" s="48">
        <v>5.4999999999999997E-3</v>
      </c>
    </row>
    <row r="36" spans="1:9" s="3" customFormat="1" ht="15.75" customHeight="1" x14ac:dyDescent="0.15">
      <c r="A36" s="41">
        <v>26</v>
      </c>
      <c r="B36" s="42" t="s">
        <v>43</v>
      </c>
      <c r="C36" s="43">
        <v>0.1668</v>
      </c>
      <c r="D36" s="49">
        <v>0.1827</v>
      </c>
      <c r="E36" s="49">
        <v>7.7799999999999994E-2</v>
      </c>
      <c r="F36" s="49">
        <v>1.18E-2</v>
      </c>
      <c r="G36" s="46">
        <v>1.84E-2</v>
      </c>
      <c r="H36" s="47">
        <v>0.63629999999999998</v>
      </c>
      <c r="I36" s="48">
        <v>3.7000000000000002E-3</v>
      </c>
    </row>
    <row r="37" spans="1:9" s="3" customFormat="1" ht="15.75" customHeight="1" x14ac:dyDescent="0.15">
      <c r="A37" s="41">
        <v>27</v>
      </c>
      <c r="B37" s="42" t="s">
        <v>44</v>
      </c>
      <c r="C37" s="43">
        <v>0.18729999999999999</v>
      </c>
      <c r="D37" s="49">
        <v>0.15690000000000001</v>
      </c>
      <c r="E37" s="60">
        <v>6.4199999999999993E-2</v>
      </c>
      <c r="F37" s="49">
        <v>2.8500000000000001E-2</v>
      </c>
      <c r="G37" s="46">
        <v>1.5800000000000002E-2</v>
      </c>
      <c r="H37" s="47">
        <v>0.63580000000000003</v>
      </c>
      <c r="I37" s="48">
        <v>7.6E-3</v>
      </c>
    </row>
    <row r="38" spans="1:9" s="3" customFormat="1" ht="15.75" customHeight="1" x14ac:dyDescent="0.15">
      <c r="A38" s="41">
        <v>28</v>
      </c>
      <c r="B38" s="42" t="s">
        <v>45</v>
      </c>
      <c r="C38" s="43">
        <v>0.1888</v>
      </c>
      <c r="D38" s="49">
        <v>0.16750000000000001</v>
      </c>
      <c r="E38" s="49">
        <v>3.6200000000000003E-2</v>
      </c>
      <c r="F38" s="49">
        <v>1.7999999999999999E-2</v>
      </c>
      <c r="G38" s="46">
        <v>1.37E-2</v>
      </c>
      <c r="H38" s="47">
        <v>0.63560000000000005</v>
      </c>
      <c r="I38" s="48">
        <v>8.2000000000000007E-3</v>
      </c>
    </row>
    <row r="39" spans="1:9" s="3" customFormat="1" ht="15.75" customHeight="1" x14ac:dyDescent="0.15">
      <c r="A39" s="41">
        <v>29</v>
      </c>
      <c r="B39" s="42" t="s">
        <v>46</v>
      </c>
      <c r="C39" s="43">
        <v>0.188</v>
      </c>
      <c r="D39" s="49">
        <v>0.1716</v>
      </c>
      <c r="E39" s="49">
        <v>6.0600000000000001E-2</v>
      </c>
      <c r="F39" s="49">
        <v>4.4000000000000003E-3</v>
      </c>
      <c r="G39" s="46">
        <v>3.5000000000000003E-2</v>
      </c>
      <c r="H39" s="47">
        <v>0.5756</v>
      </c>
      <c r="I39" s="48">
        <v>6.8999999999999999E-3</v>
      </c>
    </row>
    <row r="40" spans="1:9" s="3" customFormat="1" ht="15.75" customHeight="1" x14ac:dyDescent="0.15">
      <c r="A40" s="41">
        <v>30</v>
      </c>
      <c r="B40" s="42" t="s">
        <v>47</v>
      </c>
      <c r="C40" s="43">
        <v>0.191</v>
      </c>
      <c r="D40" s="49">
        <v>0.17280000000000001</v>
      </c>
      <c r="E40" s="49">
        <v>5.8400000000000001E-2</v>
      </c>
      <c r="F40" s="49">
        <v>0</v>
      </c>
      <c r="G40" s="46">
        <v>1.5100000000000001E-2</v>
      </c>
      <c r="H40" s="47">
        <v>0.60860000000000003</v>
      </c>
      <c r="I40" s="48">
        <v>5.1000000000000004E-3</v>
      </c>
    </row>
    <row r="41" spans="1:9" s="3" customFormat="1" ht="15.75" customHeight="1" x14ac:dyDescent="0.15">
      <c r="A41" s="41">
        <v>31</v>
      </c>
      <c r="B41" s="42" t="s">
        <v>48</v>
      </c>
      <c r="C41" s="43">
        <v>0.21890000000000001</v>
      </c>
      <c r="D41" s="49">
        <v>0.14249999999999999</v>
      </c>
      <c r="E41" s="49">
        <v>5.74E-2</v>
      </c>
      <c r="F41" s="49">
        <v>0</v>
      </c>
      <c r="G41" s="46">
        <v>1.23E-2</v>
      </c>
      <c r="H41" s="47">
        <v>0.57399999999999995</v>
      </c>
      <c r="I41" s="48">
        <v>5.7999999999999996E-3</v>
      </c>
    </row>
    <row r="42" spans="1:9" s="3" customFormat="1" ht="15.75" customHeight="1" x14ac:dyDescent="0.15">
      <c r="A42" s="41">
        <v>32</v>
      </c>
      <c r="B42" s="42" t="s">
        <v>49</v>
      </c>
      <c r="C42" s="43">
        <v>0.18729999999999999</v>
      </c>
      <c r="D42" s="49">
        <v>0.19919999999999999</v>
      </c>
      <c r="E42" s="49">
        <v>4.7800000000000002E-2</v>
      </c>
      <c r="F42" s="49">
        <v>5.1200000000000002E-2</v>
      </c>
      <c r="G42" s="46">
        <v>1.54E-2</v>
      </c>
      <c r="H42" s="47">
        <v>0.60050000000000003</v>
      </c>
      <c r="I42" s="48">
        <v>9.7999999999999997E-3</v>
      </c>
    </row>
    <row r="43" spans="1:9" s="3" customFormat="1" ht="15.75" customHeight="1" thickBot="1" x14ac:dyDescent="0.2">
      <c r="A43" s="41">
        <v>33</v>
      </c>
      <c r="B43" s="42" t="s">
        <v>50</v>
      </c>
      <c r="C43" s="43">
        <v>0.16700000000000001</v>
      </c>
      <c r="D43" s="49">
        <v>0.16789999999999999</v>
      </c>
      <c r="E43" s="49">
        <v>7.0699999999999999E-2</v>
      </c>
      <c r="F43" s="49">
        <v>2.7300000000000001E-2</v>
      </c>
      <c r="G43" s="46">
        <v>3.9399999999999998E-2</v>
      </c>
      <c r="H43" s="47">
        <v>0.58430000000000004</v>
      </c>
      <c r="I43" s="48">
        <v>1.0500000000000001E-2</v>
      </c>
    </row>
    <row r="44" spans="1:9" s="3" customFormat="1" ht="16.5" customHeight="1" thickTop="1" thickBot="1" x14ac:dyDescent="0.2">
      <c r="A44" s="86" t="s">
        <v>51</v>
      </c>
      <c r="B44" s="87"/>
      <c r="C44" s="61">
        <v>0.20250000000000001</v>
      </c>
      <c r="D44" s="37">
        <v>0.1744</v>
      </c>
      <c r="E44" s="37">
        <v>4.9399999999999999E-2</v>
      </c>
      <c r="F44" s="37">
        <v>3.3799999999999997E-2</v>
      </c>
      <c r="G44" s="62">
        <v>1.29E-2</v>
      </c>
      <c r="H44" s="63">
        <v>0.59540000000000004</v>
      </c>
      <c r="I44" s="40">
        <v>5.1999999999999998E-3</v>
      </c>
    </row>
    <row r="45" spans="1:9" s="3" customFormat="1" ht="15.75" customHeight="1" thickTop="1" x14ac:dyDescent="0.15">
      <c r="A45" s="41">
        <v>301</v>
      </c>
      <c r="B45" s="64" t="s">
        <v>52</v>
      </c>
      <c r="C45" s="65">
        <v>0.56269999999999998</v>
      </c>
      <c r="D45" s="49">
        <v>0.18590000000000001</v>
      </c>
      <c r="E45" s="49">
        <v>0</v>
      </c>
      <c r="F45" s="49">
        <v>0</v>
      </c>
      <c r="G45" s="46">
        <v>4.53E-2</v>
      </c>
      <c r="H45" s="47">
        <v>0.51200000000000001</v>
      </c>
      <c r="I45" s="48">
        <v>3.6900000000000002E-2</v>
      </c>
    </row>
    <row r="46" spans="1:9" s="3" customFormat="1" ht="15.75" customHeight="1" x14ac:dyDescent="0.15">
      <c r="A46" s="41">
        <v>302</v>
      </c>
      <c r="B46" s="64" t="s">
        <v>53</v>
      </c>
      <c r="C46" s="65">
        <v>0.69840000000000002</v>
      </c>
      <c r="D46" s="49">
        <v>0.2283</v>
      </c>
      <c r="E46" s="49">
        <v>0</v>
      </c>
      <c r="F46" s="49">
        <v>0</v>
      </c>
      <c r="G46" s="46">
        <v>3.1699999999999999E-2</v>
      </c>
      <c r="H46" s="47">
        <v>0.45829999999999999</v>
      </c>
      <c r="I46" s="48">
        <v>3.8899999999999997E-2</v>
      </c>
    </row>
    <row r="47" spans="1:9" s="3" customFormat="1" ht="15.75" customHeight="1" x14ac:dyDescent="0.15">
      <c r="A47" s="41">
        <v>303</v>
      </c>
      <c r="B47" s="64" t="s">
        <v>54</v>
      </c>
      <c r="C47" s="65">
        <v>0.44019999999999998</v>
      </c>
      <c r="D47" s="49">
        <v>0.38840000000000002</v>
      </c>
      <c r="E47" s="49">
        <v>5.9999999999999995E-4</v>
      </c>
      <c r="F47" s="49">
        <v>0</v>
      </c>
      <c r="G47" s="46">
        <v>3.3300000000000003E-2</v>
      </c>
      <c r="H47" s="47">
        <v>0.64</v>
      </c>
      <c r="I47" s="48">
        <v>1.2500000000000001E-2</v>
      </c>
    </row>
    <row r="48" spans="1:9" s="3" customFormat="1" ht="15.75" customHeight="1" x14ac:dyDescent="0.15">
      <c r="A48" s="41">
        <v>304</v>
      </c>
      <c r="B48" s="64" t="s">
        <v>55</v>
      </c>
      <c r="C48" s="65">
        <v>0.69169999999999998</v>
      </c>
      <c r="D48" s="49">
        <v>0.15570000000000001</v>
      </c>
      <c r="E48" s="49">
        <v>0</v>
      </c>
      <c r="F48" s="49">
        <v>0</v>
      </c>
      <c r="G48" s="46">
        <v>5.62E-2</v>
      </c>
      <c r="H48" s="47">
        <v>0.50949999999999995</v>
      </c>
      <c r="I48" s="48">
        <v>3.2599999999999997E-2</v>
      </c>
    </row>
    <row r="49" spans="1:9" s="3" customFormat="1" ht="15.75" customHeight="1" x14ac:dyDescent="0.15">
      <c r="A49" s="41">
        <v>305</v>
      </c>
      <c r="B49" s="64" t="s">
        <v>56</v>
      </c>
      <c r="C49" s="65">
        <v>0.50260000000000005</v>
      </c>
      <c r="D49" s="49">
        <v>0.34100000000000003</v>
      </c>
      <c r="E49" s="49">
        <v>6.9999999999999999E-4</v>
      </c>
      <c r="F49" s="49">
        <v>0</v>
      </c>
      <c r="G49" s="46">
        <v>5.4899999999999997E-2</v>
      </c>
      <c r="H49" s="47">
        <v>0.53669999999999995</v>
      </c>
      <c r="I49" s="48">
        <v>3.5799999999999998E-2</v>
      </c>
    </row>
    <row r="50" spans="1:9" s="3" customFormat="1" ht="15.75" customHeight="1" thickBot="1" x14ac:dyDescent="0.2">
      <c r="A50" s="52">
        <v>306</v>
      </c>
      <c r="B50" s="66" t="s">
        <v>57</v>
      </c>
      <c r="C50" s="67">
        <v>0.48609999999999998</v>
      </c>
      <c r="D50" s="24">
        <v>0.4516</v>
      </c>
      <c r="E50" s="24">
        <v>1E-3</v>
      </c>
      <c r="F50" s="24">
        <v>0</v>
      </c>
      <c r="G50" s="25">
        <v>3.3599999999999998E-2</v>
      </c>
      <c r="H50" s="26">
        <v>0.56499999999999995</v>
      </c>
      <c r="I50" s="27">
        <v>2.1499999999999998E-2</v>
      </c>
    </row>
    <row r="51" spans="1:9" s="3" customFormat="1" ht="16.5" customHeight="1" thickTop="1" thickBot="1" x14ac:dyDescent="0.2">
      <c r="A51" s="77" t="s">
        <v>58</v>
      </c>
      <c r="B51" s="78"/>
      <c r="C51" s="68">
        <v>0.51980000000000004</v>
      </c>
      <c r="D51" s="69">
        <v>0.37390000000000001</v>
      </c>
      <c r="E51" s="69">
        <v>6.9999999999999999E-4</v>
      </c>
      <c r="F51" s="69">
        <v>0</v>
      </c>
      <c r="G51" s="70">
        <v>3.6400000000000002E-2</v>
      </c>
      <c r="H51" s="71">
        <v>0.55549999999999999</v>
      </c>
      <c r="I51" s="72">
        <v>2.4799999999999999E-2</v>
      </c>
    </row>
    <row r="52" spans="1:9" s="3" customFormat="1" ht="14.25" customHeight="1" x14ac:dyDescent="0.15">
      <c r="A52" s="73" t="s">
        <v>59</v>
      </c>
      <c r="B52" s="73"/>
      <c r="C52" s="74"/>
      <c r="D52" s="75"/>
      <c r="E52" s="75"/>
      <c r="F52" s="75"/>
      <c r="G52" s="75"/>
      <c r="H52" s="75"/>
      <c r="I52" s="75"/>
    </row>
    <row r="54" spans="1:9" x14ac:dyDescent="0.15">
      <c r="B54" s="76"/>
    </row>
  </sheetData>
  <mergeCells count="9">
    <mergeCell ref="C3:F3"/>
    <mergeCell ref="G3:I3"/>
    <mergeCell ref="A51:B51"/>
    <mergeCell ref="A6:B6"/>
    <mergeCell ref="A7:B7"/>
    <mergeCell ref="A8:B8"/>
    <mergeCell ref="A9:B9"/>
    <mergeCell ref="A10:B10"/>
    <mergeCell ref="A44:B44"/>
  </mergeCells>
  <phoneticPr fontId="2"/>
  <printOptions horizontalCentered="1"/>
  <pageMargins left="0.7" right="0.7" top="0.75" bottom="0.75" header="0.3" footer="0.3"/>
  <pageSetup paperSize="9" scale="95" orientation="portrait" blackAndWhite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8表</vt:lpstr>
      <vt:lpstr>第8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24:05Z</cp:lastPrinted>
  <dcterms:created xsi:type="dcterms:W3CDTF">2018-03-07T02:43:36Z</dcterms:created>
  <dcterms:modified xsi:type="dcterms:W3CDTF">2018-03-08T01:24:16Z</dcterms:modified>
</cp:coreProperties>
</file>